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593196\Dropbox\Neyedley-Meagher-Hanley - MOOSHLA\TGI_Round_2_Deliverables\March_2020_Thermobarometry_OFR\Revisions_May_2020\Appendicies\"/>
    </mc:Choice>
  </mc:AlternateContent>
  <bookViews>
    <workbookView xWindow="0" yWindow="150" windowWidth="22980" windowHeight="9525"/>
  </bookViews>
  <sheets>
    <sheet name="Filtered" sheetId="2" r:id="rId1"/>
  </sheets>
  <calcPr calcId="162913"/>
</workbook>
</file>

<file path=xl/sharedStrings.xml><?xml version="1.0" encoding="utf-8"?>
<sst xmlns="http://schemas.openxmlformats.org/spreadsheetml/2006/main" count="133" uniqueCount="133">
  <si>
    <t>534B-RTL-A2-1</t>
  </si>
  <si>
    <t>534B-RTL-A6-2</t>
  </si>
  <si>
    <t>534B-RTL-A10-1</t>
  </si>
  <si>
    <t>534B-RTL-A10-3</t>
  </si>
  <si>
    <t>534B-RTL-A10-4</t>
  </si>
  <si>
    <t>534B-RTL-A13-1</t>
  </si>
  <si>
    <t>534B-RTL-A13-2</t>
  </si>
  <si>
    <t>534B-RTL-A14-2</t>
  </si>
  <si>
    <t>534B-RTL-A14-4</t>
  </si>
  <si>
    <t>534B-RTL-A14-6</t>
  </si>
  <si>
    <t>534B-RTL-A17-2</t>
  </si>
  <si>
    <t>534B-RTL-A17-4</t>
  </si>
  <si>
    <t>534B-RTL-A17-5</t>
  </si>
  <si>
    <t>2017_07_20a05.csv</t>
  </si>
  <si>
    <t>&lt;784.1346</t>
  </si>
  <si>
    <t>&lt;1.7607</t>
  </si>
  <si>
    <t>2017_07_20a13.csv</t>
  </si>
  <si>
    <t>&lt;993.1912</t>
  </si>
  <si>
    <t>&lt;1.748</t>
  </si>
  <si>
    <t>2017_07_20a16.csv</t>
  </si>
  <si>
    <t>&lt;1011.2967</t>
  </si>
  <si>
    <t>&lt;0.05595</t>
  </si>
  <si>
    <t>&lt;0.089052</t>
  </si>
  <si>
    <t>2017_07_20a18.csv</t>
  </si>
  <si>
    <t>&lt;109.7466</t>
  </si>
  <si>
    <t>&lt;3307.3861</t>
  </si>
  <si>
    <t>&lt;129.4438</t>
  </si>
  <si>
    <t>&lt;0.22311</t>
  </si>
  <si>
    <t>&lt;5.6377</t>
  </si>
  <si>
    <t>&lt;4.0061</t>
  </si>
  <si>
    <t>&lt;1.1099</t>
  </si>
  <si>
    <t>&lt;0.26952</t>
  </si>
  <si>
    <t>2017_07_20a19.csv</t>
  </si>
  <si>
    <t>&lt;119.9786</t>
  </si>
  <si>
    <t>&lt;3690.5217</t>
  </si>
  <si>
    <t>&lt;140.2859</t>
  </si>
  <si>
    <t>&lt;0.25321</t>
  </si>
  <si>
    <t>&lt;6.2563</t>
  </si>
  <si>
    <t>&lt;5.2559</t>
  </si>
  <si>
    <t>&lt;0.27514</t>
  </si>
  <si>
    <t>2017_07_20a27.csv</t>
  </si>
  <si>
    <t>&lt;1378.4954</t>
  </si>
  <si>
    <t>&lt;57.1228</t>
  </si>
  <si>
    <t>&lt;0.14453</t>
  </si>
  <si>
    <t>&lt;2.5864</t>
  </si>
  <si>
    <t>&lt;0.54159</t>
  </si>
  <si>
    <t>&lt;0.16887</t>
  </si>
  <si>
    <t>2017_07_20a28.csv</t>
  </si>
  <si>
    <t>&lt;1618.0816</t>
  </si>
  <si>
    <t>&lt;0.11991</t>
  </si>
  <si>
    <t>&lt;2.8835</t>
  </si>
  <si>
    <t>&lt;0.61189</t>
  </si>
  <si>
    <t>2017_07_20a33.csv</t>
  </si>
  <si>
    <t>&lt;1686.656</t>
  </si>
  <si>
    <t>&lt;76.9722</t>
  </si>
  <si>
    <t>&lt;0.15689</t>
  </si>
  <si>
    <t>&lt;3.0725</t>
  </si>
  <si>
    <t>&lt;0.15088</t>
  </si>
  <si>
    <t>2017_07_20a35.csv</t>
  </si>
  <si>
    <t>&lt;1645.2434</t>
  </si>
  <si>
    <t>&lt;0.10573</t>
  </si>
  <si>
    <t>&lt;2.9904</t>
  </si>
  <si>
    <t>&lt;2.3075</t>
  </si>
  <si>
    <t>&lt;0.13221</t>
  </si>
  <si>
    <t>2017_07_20a37.csv</t>
  </si>
  <si>
    <t>&lt;0.087524</t>
  </si>
  <si>
    <t>2017_07_20a39.csv</t>
  </si>
  <si>
    <t>&lt;42.7545</t>
  </si>
  <si>
    <t>&lt;0.1119</t>
  </si>
  <si>
    <t>&lt;1.9413</t>
  </si>
  <si>
    <t>2017_07_20a41.csv</t>
  </si>
  <si>
    <t>&lt;1024.9459</t>
  </si>
  <si>
    <t>&lt;0.10261</t>
  </si>
  <si>
    <t>&lt;1.8624</t>
  </si>
  <si>
    <t>&lt;0.35956</t>
  </si>
  <si>
    <t>&lt;0.095835</t>
  </si>
  <si>
    <t>2017_07_20a42.csv</t>
  </si>
  <si>
    <t>&lt;895.6279</t>
  </si>
  <si>
    <t>&lt;1.6304</t>
  </si>
  <si>
    <t>La</t>
  </si>
  <si>
    <t>Ce</t>
  </si>
  <si>
    <t>Pr</t>
  </si>
  <si>
    <t>Nd</t>
  </si>
  <si>
    <t>Sm</t>
  </si>
  <si>
    <t>Eu</t>
  </si>
  <si>
    <t>Gd</t>
  </si>
  <si>
    <t>Tb</t>
  </si>
  <si>
    <t>Dy</t>
  </si>
  <si>
    <t>Ho</t>
  </si>
  <si>
    <t>Er</t>
  </si>
  <si>
    <t>Tm</t>
  </si>
  <si>
    <t>Yb</t>
  </si>
  <si>
    <t>Lu</t>
  </si>
  <si>
    <t>Zr</t>
  </si>
  <si>
    <t>Na</t>
  </si>
  <si>
    <t>Mg</t>
  </si>
  <si>
    <t>Al</t>
  </si>
  <si>
    <t>Si</t>
  </si>
  <si>
    <t>P</t>
  </si>
  <si>
    <t>S</t>
  </si>
  <si>
    <t>K</t>
  </si>
  <si>
    <t>Ca</t>
  </si>
  <si>
    <t>Sc</t>
  </si>
  <si>
    <t>V</t>
  </si>
  <si>
    <t>Cr</t>
  </si>
  <si>
    <t>Mn</t>
  </si>
  <si>
    <t>Fe</t>
  </si>
  <si>
    <t>Co</t>
  </si>
  <si>
    <t>Ni</t>
  </si>
  <si>
    <t>Cu</t>
  </si>
  <si>
    <t>Zn</t>
  </si>
  <si>
    <t>Ga</t>
  </si>
  <si>
    <t>Ge</t>
  </si>
  <si>
    <t>As</t>
  </si>
  <si>
    <t>Rb</t>
  </si>
  <si>
    <t>Sr</t>
  </si>
  <si>
    <t>Y</t>
  </si>
  <si>
    <t>Nb</t>
  </si>
  <si>
    <t>Mo</t>
  </si>
  <si>
    <t>In</t>
  </si>
  <si>
    <t>Sn</t>
  </si>
  <si>
    <t>Sb</t>
  </si>
  <si>
    <t>Ba</t>
  </si>
  <si>
    <t>Hf</t>
  </si>
  <si>
    <t>Ta</t>
  </si>
  <si>
    <t>W</t>
  </si>
  <si>
    <t>Pb</t>
  </si>
  <si>
    <t>Bi</t>
  </si>
  <si>
    <t>Th</t>
  </si>
  <si>
    <t>U</t>
  </si>
  <si>
    <t>Ti (ppm)</t>
  </si>
  <si>
    <t>Analysis</t>
  </si>
  <si>
    <t>Sampl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Calibri"/>
      <family val="2"/>
      <scheme val="minor"/>
    </font>
    <font>
      <sz val="10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0" fontId="1" fillId="0" borderId="0" xfId="0" applyFont="1"/>
    <xf numFmtId="1" fontId="1" fillId="0" borderId="0" xfId="0" applyNumberFormat="1" applyFont="1"/>
    <xf numFmtId="2" fontId="1" fillId="0" borderId="0" xfId="0" applyNumberFormat="1" applyFon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B15"/>
  <sheetViews>
    <sheetView tabSelected="1" workbookViewId="0">
      <selection activeCell="J32" sqref="J32"/>
    </sheetView>
  </sheetViews>
  <sheetFormatPr defaultRowHeight="12.75" x14ac:dyDescent="0.2"/>
  <cols>
    <col min="1" max="1" width="17.5703125" style="1" bestFit="1" customWidth="1"/>
    <col min="2" max="2" width="14.85546875" style="1" bestFit="1" customWidth="1"/>
    <col min="3" max="54" width="7.7109375" style="1" customWidth="1"/>
    <col min="55" max="16384" width="9.140625" style="1"/>
  </cols>
  <sheetData>
    <row r="1" spans="1:54" x14ac:dyDescent="0.2">
      <c r="A1" s="1" t="s">
        <v>131</v>
      </c>
      <c r="B1" s="1" t="s">
        <v>132</v>
      </c>
      <c r="C1" s="1" t="s">
        <v>130</v>
      </c>
      <c r="D1" s="1" t="s">
        <v>94</v>
      </c>
      <c r="E1" s="1" t="s">
        <v>95</v>
      </c>
      <c r="F1" s="1" t="s">
        <v>96</v>
      </c>
      <c r="G1" s="1" t="s">
        <v>97</v>
      </c>
      <c r="H1" s="1" t="s">
        <v>98</v>
      </c>
      <c r="I1" s="1" t="s">
        <v>99</v>
      </c>
      <c r="J1" s="1" t="s">
        <v>100</v>
      </c>
      <c r="K1" s="1" t="s">
        <v>101</v>
      </c>
      <c r="L1" s="1" t="s">
        <v>102</v>
      </c>
      <c r="M1" s="1" t="s">
        <v>103</v>
      </c>
      <c r="N1" s="1" t="s">
        <v>104</v>
      </c>
      <c r="O1" s="1" t="s">
        <v>105</v>
      </c>
      <c r="P1" s="1" t="s">
        <v>106</v>
      </c>
      <c r="Q1" s="1" t="s">
        <v>107</v>
      </c>
      <c r="R1" s="1" t="s">
        <v>108</v>
      </c>
      <c r="S1" s="1" t="s">
        <v>109</v>
      </c>
      <c r="T1" s="1" t="s">
        <v>110</v>
      </c>
      <c r="U1" s="1" t="s">
        <v>111</v>
      </c>
      <c r="V1" s="1" t="s">
        <v>112</v>
      </c>
      <c r="W1" s="1" t="s">
        <v>113</v>
      </c>
      <c r="X1" s="1" t="s">
        <v>114</v>
      </c>
      <c r="Y1" s="1" t="s">
        <v>115</v>
      </c>
      <c r="Z1" s="1" t="s">
        <v>116</v>
      </c>
      <c r="AA1" s="1" t="s">
        <v>93</v>
      </c>
      <c r="AB1" s="1" t="s">
        <v>117</v>
      </c>
      <c r="AC1" s="1" t="s">
        <v>118</v>
      </c>
      <c r="AD1" s="1" t="s">
        <v>119</v>
      </c>
      <c r="AE1" s="1" t="s">
        <v>120</v>
      </c>
      <c r="AF1" s="1" t="s">
        <v>121</v>
      </c>
      <c r="AG1" s="1" t="s">
        <v>122</v>
      </c>
      <c r="AH1" s="1" t="s">
        <v>79</v>
      </c>
      <c r="AI1" s="1" t="s">
        <v>80</v>
      </c>
      <c r="AJ1" s="1" t="s">
        <v>81</v>
      </c>
      <c r="AK1" s="1" t="s">
        <v>82</v>
      </c>
      <c r="AL1" s="1" t="s">
        <v>83</v>
      </c>
      <c r="AM1" s="1" t="s">
        <v>84</v>
      </c>
      <c r="AN1" s="1" t="s">
        <v>85</v>
      </c>
      <c r="AO1" s="1" t="s">
        <v>86</v>
      </c>
      <c r="AP1" s="1" t="s">
        <v>87</v>
      </c>
      <c r="AQ1" s="1" t="s">
        <v>88</v>
      </c>
      <c r="AR1" s="1" t="s">
        <v>89</v>
      </c>
      <c r="AS1" s="1" t="s">
        <v>90</v>
      </c>
      <c r="AT1" s="1" t="s">
        <v>91</v>
      </c>
      <c r="AU1" s="1" t="s">
        <v>92</v>
      </c>
      <c r="AV1" s="1" t="s">
        <v>123</v>
      </c>
      <c r="AW1" s="1" t="s">
        <v>124</v>
      </c>
      <c r="AX1" s="1" t="s">
        <v>125</v>
      </c>
      <c r="AY1" s="1" t="s">
        <v>126</v>
      </c>
      <c r="AZ1" s="1" t="s">
        <v>127</v>
      </c>
      <c r="BA1" s="1" t="s">
        <v>128</v>
      </c>
      <c r="BB1" s="1" t="s">
        <v>129</v>
      </c>
    </row>
    <row r="2" spans="1:54" x14ac:dyDescent="0.2">
      <c r="A2" s="1" t="s">
        <v>13</v>
      </c>
      <c r="B2" s="1" t="s">
        <v>0</v>
      </c>
      <c r="C2" s="2">
        <v>593489</v>
      </c>
      <c r="D2" s="3">
        <v>308.89165212856432</v>
      </c>
      <c r="E2" s="3">
        <v>133.2491677464879</v>
      </c>
      <c r="F2" s="3">
        <v>144.04315494580624</v>
      </c>
      <c r="G2" s="3">
        <v>3477.2609168425488</v>
      </c>
      <c r="H2" s="3">
        <v>51.423006342493984</v>
      </c>
      <c r="I2" s="3" t="s">
        <v>14</v>
      </c>
      <c r="J2" s="3">
        <v>192.02335746834157</v>
      </c>
      <c r="K2" s="3">
        <v>184.88592182871707</v>
      </c>
      <c r="L2" s="3">
        <v>182.32918773475078</v>
      </c>
      <c r="M2" s="3">
        <v>4233.1931605854388</v>
      </c>
      <c r="N2" s="3">
        <v>137.62600946688843</v>
      </c>
      <c r="O2" s="3">
        <v>46.772308440001609</v>
      </c>
      <c r="P2" s="3">
        <v>916.33850078727437</v>
      </c>
      <c r="Q2" s="3">
        <v>0.16589985247910979</v>
      </c>
      <c r="R2" s="3">
        <v>30.171209418565322</v>
      </c>
      <c r="S2" s="3">
        <v>62.975780041308695</v>
      </c>
      <c r="T2" s="3">
        <v>109.23079496264911</v>
      </c>
      <c r="U2" s="3">
        <v>1.174641662544982</v>
      </c>
      <c r="V2" s="3">
        <v>1.6871050325202668</v>
      </c>
      <c r="W2" s="3">
        <v>7.2284846232544435</v>
      </c>
      <c r="X2" s="3">
        <v>1.7984822001135381</v>
      </c>
      <c r="Y2" s="3">
        <v>2.3297586891020958</v>
      </c>
      <c r="Z2" s="3">
        <v>12.424918997684248</v>
      </c>
      <c r="AA2" s="3">
        <v>471.2674445347929</v>
      </c>
      <c r="AB2" s="3">
        <v>2718.8035831382617</v>
      </c>
      <c r="AC2" s="3">
        <v>13.015609050570765</v>
      </c>
      <c r="AD2" s="3">
        <v>1.5424073430331107</v>
      </c>
      <c r="AE2" s="3">
        <v>401.971770895654</v>
      </c>
      <c r="AF2" s="3">
        <v>2.7360160885842451</v>
      </c>
      <c r="AG2" s="3">
        <v>13.39759555720555</v>
      </c>
      <c r="AH2" s="3">
        <v>35.595406546645144</v>
      </c>
      <c r="AI2" s="3">
        <v>67.644550411318477</v>
      </c>
      <c r="AJ2" s="3">
        <v>8.3240864211081931</v>
      </c>
      <c r="AK2" s="3">
        <v>33.266967900165064</v>
      </c>
      <c r="AL2" s="3">
        <v>7.1974074198299327</v>
      </c>
      <c r="AM2" s="3">
        <v>0.56165473442459191</v>
      </c>
      <c r="AN2" s="3">
        <v>6.7178607782838711</v>
      </c>
      <c r="AO2" s="3">
        <v>0.77526954563945916</v>
      </c>
      <c r="AP2" s="3">
        <v>4.1055026999309367</v>
      </c>
      <c r="AQ2" s="3">
        <v>0.6497645107924277</v>
      </c>
      <c r="AR2" s="3">
        <v>1.5915267680547243</v>
      </c>
      <c r="AS2" s="3">
        <v>0.25797525323299492</v>
      </c>
      <c r="AT2" s="3">
        <v>1.9469692209322649</v>
      </c>
      <c r="AU2" s="3">
        <v>0.334850207979281</v>
      </c>
      <c r="AV2" s="3">
        <v>25.679479027471924</v>
      </c>
      <c r="AW2" s="3">
        <v>174.69636428088521</v>
      </c>
      <c r="AX2" s="3">
        <v>79.920956371420786</v>
      </c>
      <c r="AY2" s="3">
        <v>58.901985224788135</v>
      </c>
      <c r="AZ2" s="3">
        <v>0.1385804423209693</v>
      </c>
      <c r="BA2" s="3">
        <v>32.475620821054093</v>
      </c>
      <c r="BB2" s="3">
        <v>91.513646407948031</v>
      </c>
    </row>
    <row r="3" spans="1:54" x14ac:dyDescent="0.2">
      <c r="A3" s="1" t="s">
        <v>16</v>
      </c>
      <c r="B3" s="1" t="s">
        <v>1</v>
      </c>
      <c r="C3" s="2">
        <v>593489</v>
      </c>
      <c r="D3" s="3">
        <v>411.1795447930395</v>
      </c>
      <c r="E3" s="3">
        <v>239.69951550160809</v>
      </c>
      <c r="F3" s="3">
        <v>238.45994498066608</v>
      </c>
      <c r="G3" s="3">
        <v>1196.0571489287743</v>
      </c>
      <c r="H3" s="3">
        <v>65.681483866335768</v>
      </c>
      <c r="I3" s="3" t="s">
        <v>17</v>
      </c>
      <c r="J3" s="3">
        <v>331.17812380536986</v>
      </c>
      <c r="K3" s="3">
        <v>269.06603270140153</v>
      </c>
      <c r="L3" s="3">
        <v>189.91788063759745</v>
      </c>
      <c r="M3" s="3">
        <v>3978.9110456403264</v>
      </c>
      <c r="N3" s="3">
        <v>144.18679149948798</v>
      </c>
      <c r="O3" s="3">
        <v>72.572206050183894</v>
      </c>
      <c r="P3" s="3">
        <v>1407.22346863339</v>
      </c>
      <c r="Q3" s="3">
        <v>6.5523867653895257E-2</v>
      </c>
      <c r="R3" s="3">
        <v>21.169774830703702</v>
      </c>
      <c r="S3" s="3">
        <v>20.093964041764224</v>
      </c>
      <c r="T3" s="3">
        <v>118.39535882155047</v>
      </c>
      <c r="U3" s="3">
        <v>0.6661209601722321</v>
      </c>
      <c r="V3" s="3" t="s">
        <v>18</v>
      </c>
      <c r="W3" s="3">
        <v>4.0508033046978955</v>
      </c>
      <c r="X3" s="3">
        <v>1.8109858437219291</v>
      </c>
      <c r="Y3" s="3">
        <v>2.4370742098391278</v>
      </c>
      <c r="Z3" s="3">
        <v>5.335747437170629</v>
      </c>
      <c r="AA3" s="3">
        <v>1074.0080105387324</v>
      </c>
      <c r="AB3" s="3">
        <v>3437.3260659953717</v>
      </c>
      <c r="AC3" s="3">
        <v>30.019302711037398</v>
      </c>
      <c r="AD3" s="3">
        <v>1.3382607653267264</v>
      </c>
      <c r="AE3" s="3">
        <v>367.9813600714516</v>
      </c>
      <c r="AF3" s="3">
        <v>2.5285759075812324</v>
      </c>
      <c r="AG3" s="3">
        <v>17.003359800328244</v>
      </c>
      <c r="AH3" s="3">
        <v>12.69132854506819</v>
      </c>
      <c r="AI3" s="3">
        <v>23.070080917870918</v>
      </c>
      <c r="AJ3" s="3">
        <v>2.7099101129127172</v>
      </c>
      <c r="AK3" s="3">
        <v>10.46789838037658</v>
      </c>
      <c r="AL3" s="3">
        <v>2.189737313324613</v>
      </c>
      <c r="AM3" s="3">
        <v>0.19110115047998608</v>
      </c>
      <c r="AN3" s="3">
        <v>1.6928002549376693</v>
      </c>
      <c r="AO3" s="3">
        <v>0.22934118370681586</v>
      </c>
      <c r="AP3" s="3">
        <v>1.3616024579060533</v>
      </c>
      <c r="AQ3" s="3">
        <v>0.28604682042459623</v>
      </c>
      <c r="AR3" s="3">
        <v>0.94859571935820275</v>
      </c>
      <c r="AS3" s="3">
        <v>0.14464046275064396</v>
      </c>
      <c r="AT3" s="3">
        <v>1.653216132193176</v>
      </c>
      <c r="AU3" s="3">
        <v>0.2744997133383929</v>
      </c>
      <c r="AV3" s="3">
        <v>65.633965188887046</v>
      </c>
      <c r="AW3" s="3">
        <v>462.52169927486131</v>
      </c>
      <c r="AX3" s="3">
        <v>95.842456778496825</v>
      </c>
      <c r="AY3" s="3">
        <v>17.883264038758934</v>
      </c>
      <c r="AZ3" s="3">
        <v>0.28107539595686093</v>
      </c>
      <c r="BA3" s="3">
        <v>9.4980762169436765</v>
      </c>
      <c r="BB3" s="3">
        <v>178.26285396627176</v>
      </c>
    </row>
    <row r="4" spans="1:54" x14ac:dyDescent="0.2">
      <c r="A4" s="1" t="s">
        <v>19</v>
      </c>
      <c r="B4" s="1" t="s">
        <v>2</v>
      </c>
      <c r="C4" s="2">
        <v>593489</v>
      </c>
      <c r="D4" s="3">
        <v>150.73614072106406</v>
      </c>
      <c r="E4" s="3">
        <v>136.70399319929453</v>
      </c>
      <c r="F4" s="3">
        <v>131.84391646653467</v>
      </c>
      <c r="G4" s="3">
        <v>834.30160775124909</v>
      </c>
      <c r="H4" s="3">
        <v>60.726064733269894</v>
      </c>
      <c r="I4" s="3" t="s">
        <v>20</v>
      </c>
      <c r="J4" s="3">
        <v>113.92061201756007</v>
      </c>
      <c r="K4" s="3">
        <v>51.808798180805518</v>
      </c>
      <c r="L4" s="3">
        <v>246.89586948998979</v>
      </c>
      <c r="M4" s="3">
        <v>3059.167113110133</v>
      </c>
      <c r="N4" s="3">
        <v>138.45596069535543</v>
      </c>
      <c r="O4" s="3">
        <v>28.765280929437385</v>
      </c>
      <c r="P4" s="3">
        <v>914.98706775890378</v>
      </c>
      <c r="Q4" s="3" t="s">
        <v>21</v>
      </c>
      <c r="R4" s="3">
        <v>28.254522099559935</v>
      </c>
      <c r="S4" s="3">
        <v>12.566150458438329</v>
      </c>
      <c r="T4" s="3">
        <v>102.4908663470293</v>
      </c>
      <c r="U4" s="3">
        <v>0.68895001238623177</v>
      </c>
      <c r="V4" s="3">
        <v>1.6875458553958034</v>
      </c>
      <c r="W4" s="3">
        <v>1.6483925784361542</v>
      </c>
      <c r="X4" s="3">
        <v>0.92973680962607697</v>
      </c>
      <c r="Y4" s="3">
        <v>1.3022020091749507</v>
      </c>
      <c r="Z4" s="3">
        <v>15.485918300734385</v>
      </c>
      <c r="AA4" s="3">
        <v>529.68680437832768</v>
      </c>
      <c r="AB4" s="3">
        <v>2334.0712052288718</v>
      </c>
      <c r="AC4" s="3">
        <v>15.160372409327142</v>
      </c>
      <c r="AD4" s="3">
        <v>1.1785297288514052</v>
      </c>
      <c r="AE4" s="3">
        <v>331.63861526562374</v>
      </c>
      <c r="AF4" s="3"/>
      <c r="AG4" s="3">
        <v>4.6077515855047144</v>
      </c>
      <c r="AH4" s="3">
        <v>11.107030767585439</v>
      </c>
      <c r="AI4" s="3">
        <v>20.020835208303307</v>
      </c>
      <c r="AJ4" s="3">
        <v>2.4436787890588927</v>
      </c>
      <c r="AK4" s="3">
        <v>10.523959442122777</v>
      </c>
      <c r="AL4" s="3">
        <v>2.6361869955089903</v>
      </c>
      <c r="AM4" s="3">
        <v>0.15332840714734813</v>
      </c>
      <c r="AN4" s="3">
        <v>3.2880984235616766</v>
      </c>
      <c r="AO4" s="3">
        <v>0.55505560699960865</v>
      </c>
      <c r="AP4" s="3">
        <v>4.0360164979025157</v>
      </c>
      <c r="AQ4" s="3">
        <v>0.91344846814490854</v>
      </c>
      <c r="AR4" s="3">
        <v>3.0350839676278625</v>
      </c>
      <c r="AS4" s="3">
        <v>0.48784192918686708</v>
      </c>
      <c r="AT4" s="3">
        <v>3.0853848963976569</v>
      </c>
      <c r="AU4" s="3">
        <v>0.44865875282939105</v>
      </c>
      <c r="AV4" s="3">
        <v>30.759175794222077</v>
      </c>
      <c r="AW4" s="3">
        <v>195.7375654491378</v>
      </c>
      <c r="AX4" s="3">
        <v>158.53491693311275</v>
      </c>
      <c r="AY4" s="3">
        <v>11.346307467252238</v>
      </c>
      <c r="AZ4" s="3" t="s">
        <v>22</v>
      </c>
      <c r="BA4" s="3">
        <v>18.769976670610262</v>
      </c>
      <c r="BB4" s="3">
        <v>161.03112695877238</v>
      </c>
    </row>
    <row r="5" spans="1:54" x14ac:dyDescent="0.2">
      <c r="A5" s="1" t="s">
        <v>23</v>
      </c>
      <c r="B5" s="1" t="s">
        <v>3</v>
      </c>
      <c r="C5" s="2">
        <v>593489</v>
      </c>
      <c r="D5" s="3">
        <v>174.18738180242178</v>
      </c>
      <c r="E5" s="3">
        <v>166.99471642314447</v>
      </c>
      <c r="F5" s="3">
        <v>146.47718491267568</v>
      </c>
      <c r="G5" s="3">
        <v>1273.9658328104474</v>
      </c>
      <c r="H5" s="3" t="s">
        <v>24</v>
      </c>
      <c r="I5" s="3" t="s">
        <v>25</v>
      </c>
      <c r="J5" s="3">
        <v>85.054746641525654</v>
      </c>
      <c r="K5" s="3" t="s">
        <v>26</v>
      </c>
      <c r="L5" s="3">
        <v>223.31726646378914</v>
      </c>
      <c r="M5" s="3">
        <v>3379.706317377404</v>
      </c>
      <c r="N5" s="3">
        <v>142.34113630627147</v>
      </c>
      <c r="O5" s="3">
        <v>31.957230097111708</v>
      </c>
      <c r="P5" s="3">
        <v>1351.2492621943022</v>
      </c>
      <c r="Q5" s="3" t="s">
        <v>27</v>
      </c>
      <c r="R5" s="3">
        <v>26.858478272681012</v>
      </c>
      <c r="S5" s="3">
        <v>13.211172860294671</v>
      </c>
      <c r="T5" s="3">
        <v>52.640534675715315</v>
      </c>
      <c r="U5" s="3">
        <v>1.0819995454788196</v>
      </c>
      <c r="V5" s="3" t="s">
        <v>28</v>
      </c>
      <c r="W5" s="3" t="s">
        <v>29</v>
      </c>
      <c r="X5" s="3" t="s">
        <v>30</v>
      </c>
      <c r="Y5" s="3">
        <v>1.6309703164538127</v>
      </c>
      <c r="Z5" s="3">
        <v>9.3278785636644983</v>
      </c>
      <c r="AA5" s="3">
        <v>618.60459771482726</v>
      </c>
      <c r="AB5" s="3">
        <v>3941.2282209210548</v>
      </c>
      <c r="AC5" s="3">
        <v>14.360563715236923</v>
      </c>
      <c r="AD5" s="3">
        <v>2.4168740748289905</v>
      </c>
      <c r="AE5" s="3">
        <v>702.73577037247628</v>
      </c>
      <c r="AF5" s="3"/>
      <c r="AG5" s="3">
        <v>3.9645070657129766</v>
      </c>
      <c r="AH5" s="3">
        <v>21.304252499238661</v>
      </c>
      <c r="AI5" s="3">
        <v>41.94406278526391</v>
      </c>
      <c r="AJ5" s="3">
        <v>5.8564638090386296</v>
      </c>
      <c r="AK5" s="3">
        <v>23.84434873843519</v>
      </c>
      <c r="AL5" s="3">
        <v>6.9534202551661926</v>
      </c>
      <c r="AM5" s="3">
        <v>0.81449174294262072</v>
      </c>
      <c r="AN5" s="3">
        <v>6.9601753590974704</v>
      </c>
      <c r="AO5" s="3">
        <v>0.59417254165254374</v>
      </c>
      <c r="AP5" s="3">
        <v>3.5624281762058643</v>
      </c>
      <c r="AQ5" s="3">
        <v>0.56777135148042379</v>
      </c>
      <c r="AR5" s="3">
        <v>1.1635688380371307</v>
      </c>
      <c r="AS5" s="3">
        <v>0.20193095186507526</v>
      </c>
      <c r="AT5" s="3">
        <v>0.88141232381551071</v>
      </c>
      <c r="AU5" s="3">
        <v>0.18817099973126994</v>
      </c>
      <c r="AV5" s="3">
        <v>49.02768276642275</v>
      </c>
      <c r="AW5" s="3">
        <v>176.94755516136414</v>
      </c>
      <c r="AX5" s="3">
        <v>161.04835040812077</v>
      </c>
      <c r="AY5" s="3">
        <v>9.1262956990897113</v>
      </c>
      <c r="AZ5" s="3" t="s">
        <v>31</v>
      </c>
      <c r="BA5" s="3">
        <v>10.356714551993793</v>
      </c>
      <c r="BB5" s="3">
        <v>128.30921852549278</v>
      </c>
    </row>
    <row r="6" spans="1:54" x14ac:dyDescent="0.2">
      <c r="A6" s="1" t="s">
        <v>32</v>
      </c>
      <c r="B6" s="1" t="s">
        <v>4</v>
      </c>
      <c r="C6" s="2">
        <v>593489</v>
      </c>
      <c r="D6" s="3">
        <v>515.82920591740333</v>
      </c>
      <c r="E6" s="3">
        <v>433.55503871059636</v>
      </c>
      <c r="F6" s="3">
        <v>343.76425728477869</v>
      </c>
      <c r="G6" s="3">
        <v>2010.9316290522563</v>
      </c>
      <c r="H6" s="3" t="s">
        <v>33</v>
      </c>
      <c r="I6" s="3" t="s">
        <v>34</v>
      </c>
      <c r="J6" s="3">
        <v>541.52427780945459</v>
      </c>
      <c r="K6" s="3" t="s">
        <v>35</v>
      </c>
      <c r="L6" s="3">
        <v>148.95099192250601</v>
      </c>
      <c r="M6" s="3">
        <v>3363.9054502967992</v>
      </c>
      <c r="N6" s="3">
        <v>119.67288861201108</v>
      </c>
      <c r="O6" s="3">
        <v>74.995409674313819</v>
      </c>
      <c r="P6" s="3">
        <v>1188.6837529014849</v>
      </c>
      <c r="Q6" s="3" t="s">
        <v>36</v>
      </c>
      <c r="R6" s="3">
        <v>28.433288672229981</v>
      </c>
      <c r="S6" s="3">
        <v>17.677374801255347</v>
      </c>
      <c r="T6" s="3">
        <v>534.22124072743236</v>
      </c>
      <c r="U6" s="3">
        <v>1.6219194841413063</v>
      </c>
      <c r="V6" s="3" t="s">
        <v>37</v>
      </c>
      <c r="W6" s="3" t="s">
        <v>38</v>
      </c>
      <c r="X6" s="3">
        <v>3.619085370938746</v>
      </c>
      <c r="Y6" s="3">
        <v>1.967644902578062</v>
      </c>
      <c r="Z6" s="3">
        <v>10.298648223062983</v>
      </c>
      <c r="AA6" s="3">
        <v>636.80688870157371</v>
      </c>
      <c r="AB6" s="3">
        <v>3713.9836712296124</v>
      </c>
      <c r="AC6" s="3">
        <v>20.375220271646032</v>
      </c>
      <c r="AD6" s="3">
        <v>2.546515826579189</v>
      </c>
      <c r="AE6" s="3">
        <v>675.9468033094339</v>
      </c>
      <c r="AF6" s="3"/>
      <c r="AG6" s="3">
        <v>15.585216683012503</v>
      </c>
      <c r="AH6" s="3">
        <v>27.26894045721717</v>
      </c>
      <c r="AI6" s="3">
        <v>49.752717818321614</v>
      </c>
      <c r="AJ6" s="3">
        <v>6.2342482910458106</v>
      </c>
      <c r="AK6" s="3">
        <v>26.630865412356201</v>
      </c>
      <c r="AL6" s="3">
        <v>7.8167475414255696</v>
      </c>
      <c r="AM6" s="3">
        <v>0.63975733274012292</v>
      </c>
      <c r="AN6" s="3">
        <v>6.1916994359567541</v>
      </c>
      <c r="AO6" s="3">
        <v>0.70093592721912545</v>
      </c>
      <c r="AP6" s="3">
        <v>3.4505122835476283</v>
      </c>
      <c r="AQ6" s="3">
        <v>0.75345334679360765</v>
      </c>
      <c r="AR6" s="3">
        <v>1.6245693237983718</v>
      </c>
      <c r="AS6" s="3">
        <v>0.23967164248390285</v>
      </c>
      <c r="AT6" s="3">
        <v>1.9280069548282337</v>
      </c>
      <c r="AU6" s="3">
        <v>0.23003602193257694</v>
      </c>
      <c r="AV6" s="3">
        <v>50.186655551645195</v>
      </c>
      <c r="AW6" s="3">
        <v>174.04298608034071</v>
      </c>
      <c r="AX6" s="3">
        <v>176.59205850597576</v>
      </c>
      <c r="AY6" s="3">
        <v>13.575491734992344</v>
      </c>
      <c r="AZ6" s="3" t="s">
        <v>39</v>
      </c>
      <c r="BA6" s="3">
        <v>25.881511224579519</v>
      </c>
      <c r="BB6" s="3">
        <v>125.41414847976242</v>
      </c>
    </row>
    <row r="7" spans="1:54" x14ac:dyDescent="0.2">
      <c r="A7" s="1" t="s">
        <v>40</v>
      </c>
      <c r="B7" s="1" t="s">
        <v>5</v>
      </c>
      <c r="C7" s="2">
        <v>593489</v>
      </c>
      <c r="D7" s="3">
        <v>31.604243285394304</v>
      </c>
      <c r="E7" s="3">
        <v>146.47592035277339</v>
      </c>
      <c r="F7" s="3">
        <v>126.50023595957339</v>
      </c>
      <c r="G7" s="3">
        <v>840.07736214821739</v>
      </c>
      <c r="H7" s="3">
        <v>61.944566816226398</v>
      </c>
      <c r="I7" s="3" t="s">
        <v>41</v>
      </c>
      <c r="J7" s="3">
        <v>30.454901425288469</v>
      </c>
      <c r="K7" s="3" t="s">
        <v>42</v>
      </c>
      <c r="L7" s="3">
        <v>158.46376905791132</v>
      </c>
      <c r="M7" s="3">
        <v>4652.3128038824243</v>
      </c>
      <c r="N7" s="3">
        <v>163.60505691837864</v>
      </c>
      <c r="O7" s="3">
        <v>10.513380365202703</v>
      </c>
      <c r="P7" s="3">
        <v>1046.5573687790043</v>
      </c>
      <c r="Q7" s="3" t="s">
        <v>43</v>
      </c>
      <c r="R7" s="3">
        <v>31.845990792116989</v>
      </c>
      <c r="S7" s="3">
        <v>5.7213778665558586</v>
      </c>
      <c r="T7" s="3">
        <v>11.617900276606388</v>
      </c>
      <c r="U7" s="3">
        <v>0.95947114720164206</v>
      </c>
      <c r="V7" s="3" t="s">
        <v>44</v>
      </c>
      <c r="W7" s="3">
        <v>3.7719903179532119</v>
      </c>
      <c r="X7" s="3" t="s">
        <v>45</v>
      </c>
      <c r="Y7" s="3">
        <v>2.3048211360058257</v>
      </c>
      <c r="Z7" s="3">
        <v>7.5896958040610309</v>
      </c>
      <c r="AA7" s="3">
        <v>1014.168217737716</v>
      </c>
      <c r="AB7" s="3">
        <v>4979.9618021685419</v>
      </c>
      <c r="AC7" s="3">
        <v>12.327161960227048</v>
      </c>
      <c r="AD7" s="3">
        <v>1.1819543654929499</v>
      </c>
      <c r="AE7" s="3">
        <v>324.47257458321093</v>
      </c>
      <c r="AF7" s="3">
        <v>2.3736661603547189</v>
      </c>
      <c r="AG7" s="3">
        <v>1.5015368443103911</v>
      </c>
      <c r="AH7" s="3">
        <v>29.112817941070578</v>
      </c>
      <c r="AI7" s="3">
        <v>49.773605066400648</v>
      </c>
      <c r="AJ7" s="3">
        <v>5.8777731866106837</v>
      </c>
      <c r="AK7" s="3">
        <v>18.563934409280183</v>
      </c>
      <c r="AL7" s="3">
        <v>2.6655970225167316</v>
      </c>
      <c r="AM7" s="3">
        <v>0.19130668962765113</v>
      </c>
      <c r="AN7" s="3">
        <v>5.244896531929812</v>
      </c>
      <c r="AO7" s="3">
        <v>0.46634905455223596</v>
      </c>
      <c r="AP7" s="3">
        <v>2.7019982471986848</v>
      </c>
      <c r="AQ7" s="3">
        <v>0.40071311299831097</v>
      </c>
      <c r="AR7" s="3">
        <v>1.4679219948710023</v>
      </c>
      <c r="AS7" s="3">
        <v>0.23590023473061461</v>
      </c>
      <c r="AT7" s="3">
        <v>1.0866689323613572</v>
      </c>
      <c r="AU7" s="3">
        <v>0.19722557907591001</v>
      </c>
      <c r="AV7" s="3">
        <v>59.90695106845385</v>
      </c>
      <c r="AW7" s="3">
        <v>288.51006115789028</v>
      </c>
      <c r="AX7" s="3">
        <v>47.501444856254999</v>
      </c>
      <c r="AY7" s="3">
        <v>51.279152350875634</v>
      </c>
      <c r="AZ7" s="3" t="s">
        <v>46</v>
      </c>
      <c r="BA7" s="3">
        <v>21.55384321385143</v>
      </c>
      <c r="BB7" s="3">
        <v>104.74536486110487</v>
      </c>
    </row>
    <row r="8" spans="1:54" x14ac:dyDescent="0.2">
      <c r="A8" s="1" t="s">
        <v>47</v>
      </c>
      <c r="B8" s="1" t="s">
        <v>6</v>
      </c>
      <c r="C8" s="2">
        <v>593489</v>
      </c>
      <c r="D8" s="3">
        <v>192.24048484208208</v>
      </c>
      <c r="E8" s="3">
        <v>134.69723864572271</v>
      </c>
      <c r="F8" s="3">
        <v>125.03658518380799</v>
      </c>
      <c r="G8" s="3">
        <v>3066.3585186474243</v>
      </c>
      <c r="H8" s="3">
        <v>83.47540357639005</v>
      </c>
      <c r="I8" s="3" t="s">
        <v>48</v>
      </c>
      <c r="J8" s="3">
        <v>132.74582812657158</v>
      </c>
      <c r="K8" s="3">
        <v>146.31899298486053</v>
      </c>
      <c r="L8" s="3">
        <v>123.10418844445326</v>
      </c>
      <c r="M8" s="3">
        <v>4965.7415494922761</v>
      </c>
      <c r="N8" s="3">
        <v>166.17836411508682</v>
      </c>
      <c r="O8" s="3">
        <v>29.204631425413559</v>
      </c>
      <c r="P8" s="3">
        <v>1004.754222168401</v>
      </c>
      <c r="Q8" s="3" t="s">
        <v>49</v>
      </c>
      <c r="R8" s="3">
        <v>17.649988019841757</v>
      </c>
      <c r="S8" s="3">
        <v>14.510995048185041</v>
      </c>
      <c r="T8" s="3">
        <v>63.006268048670862</v>
      </c>
      <c r="U8" s="3">
        <v>0.89445890152932517</v>
      </c>
      <c r="V8" s="3" t="s">
        <v>50</v>
      </c>
      <c r="W8" s="3">
        <v>4.4556078918993105</v>
      </c>
      <c r="X8" s="3" t="s">
        <v>51</v>
      </c>
      <c r="Y8" s="3">
        <v>1.3256261977531565</v>
      </c>
      <c r="Z8" s="3">
        <v>13.361949206538673</v>
      </c>
      <c r="AA8" s="3">
        <v>901.29367876060644</v>
      </c>
      <c r="AB8" s="3">
        <v>5234.1107219389023</v>
      </c>
      <c r="AC8" s="3">
        <v>12.811861184626299</v>
      </c>
      <c r="AD8" s="3">
        <v>1.6572622669599877</v>
      </c>
      <c r="AE8" s="3">
        <v>404.8258542266671</v>
      </c>
      <c r="AF8" s="3">
        <v>4.4273966728061049</v>
      </c>
      <c r="AG8" s="3">
        <v>8.7274497212033619</v>
      </c>
      <c r="AH8" s="3">
        <v>18.465809371688572</v>
      </c>
      <c r="AI8" s="3">
        <v>48.528774150682459</v>
      </c>
      <c r="AJ8" s="3">
        <v>7.5038569904660708</v>
      </c>
      <c r="AK8" s="3">
        <v>30.796420327409898</v>
      </c>
      <c r="AL8" s="3">
        <v>7.4932033198905765</v>
      </c>
      <c r="AM8" s="3">
        <v>0.39361613057248201</v>
      </c>
      <c r="AN8" s="3">
        <v>6.1802570392724903</v>
      </c>
      <c r="AO8" s="3">
        <v>0.63212290466904264</v>
      </c>
      <c r="AP8" s="3">
        <v>4.4885604705305484</v>
      </c>
      <c r="AQ8" s="3">
        <v>0.78980483778089994</v>
      </c>
      <c r="AR8" s="3">
        <v>2.048468535275902</v>
      </c>
      <c r="AS8" s="3">
        <v>0.28476379187697604</v>
      </c>
      <c r="AT8" s="3">
        <v>2.0195792040919707</v>
      </c>
      <c r="AU8" s="3">
        <v>0.2864868429973646</v>
      </c>
      <c r="AV8" s="3">
        <v>74.012567212565571</v>
      </c>
      <c r="AW8" s="3">
        <v>346.60545572483221</v>
      </c>
      <c r="AX8" s="3">
        <v>85.81087592008295</v>
      </c>
      <c r="AY8" s="3">
        <v>12.919263768299801</v>
      </c>
      <c r="AZ8" s="3">
        <v>0.16562663749240691</v>
      </c>
      <c r="BA8" s="3">
        <v>22.999247911012844</v>
      </c>
      <c r="BB8" s="3">
        <v>103.40696384662498</v>
      </c>
    </row>
    <row r="9" spans="1:54" x14ac:dyDescent="0.2">
      <c r="A9" s="1" t="s">
        <v>52</v>
      </c>
      <c r="B9" s="1" t="s">
        <v>7</v>
      </c>
      <c r="C9" s="2">
        <v>593489</v>
      </c>
      <c r="D9" s="3">
        <v>151.58188595540094</v>
      </c>
      <c r="E9" s="3">
        <v>110.38932382416283</v>
      </c>
      <c r="F9" s="3">
        <v>81.688114144754707</v>
      </c>
      <c r="G9" s="3">
        <v>1069.6521263609486</v>
      </c>
      <c r="H9" s="3">
        <v>86.731131301527085</v>
      </c>
      <c r="I9" s="3" t="s">
        <v>53</v>
      </c>
      <c r="J9" s="3">
        <v>89.616140404600685</v>
      </c>
      <c r="K9" s="3" t="s">
        <v>54</v>
      </c>
      <c r="L9" s="3">
        <v>131.28548616820447</v>
      </c>
      <c r="M9" s="3">
        <v>4097.7103727808062</v>
      </c>
      <c r="N9" s="3">
        <v>138.88897992952644</v>
      </c>
      <c r="O9" s="3">
        <v>16.276558032892165</v>
      </c>
      <c r="P9" s="3">
        <v>595.50105049485512</v>
      </c>
      <c r="Q9" s="3" t="s">
        <v>55</v>
      </c>
      <c r="R9" s="3">
        <v>17.223296975019011</v>
      </c>
      <c r="S9" s="3">
        <v>14.78099708531248</v>
      </c>
      <c r="T9" s="3">
        <v>49.194562796914269</v>
      </c>
      <c r="U9" s="3">
        <v>0.52348646786735509</v>
      </c>
      <c r="V9" s="3" t="s">
        <v>56</v>
      </c>
      <c r="W9" s="3">
        <v>4.0865954576914145</v>
      </c>
      <c r="X9" s="3">
        <v>0.78004952730792609</v>
      </c>
      <c r="Y9" s="3">
        <v>0.87727767303490867</v>
      </c>
      <c r="Z9" s="3">
        <v>3.5097761711953517</v>
      </c>
      <c r="AA9" s="3">
        <v>591.78876407287601</v>
      </c>
      <c r="AB9" s="3">
        <v>3173.8854360057449</v>
      </c>
      <c r="AC9" s="3">
        <v>20.8278246345402</v>
      </c>
      <c r="AD9" s="3">
        <v>1.5903327314070475</v>
      </c>
      <c r="AE9" s="3">
        <v>448.83837043344846</v>
      </c>
      <c r="AF9" s="3">
        <v>3.7573153197397664</v>
      </c>
      <c r="AG9" s="3">
        <v>4.2433235238443725</v>
      </c>
      <c r="AH9" s="3">
        <v>6.2832406934141103</v>
      </c>
      <c r="AI9" s="3">
        <v>13.681726258615194</v>
      </c>
      <c r="AJ9" s="3">
        <v>2.0351072261491776</v>
      </c>
      <c r="AK9" s="3">
        <v>7.4971088009844671</v>
      </c>
      <c r="AL9" s="3">
        <v>1.000315286838046</v>
      </c>
      <c r="AM9" s="3">
        <v>0.11445971735507107</v>
      </c>
      <c r="AN9" s="3">
        <v>0.94185729678526098</v>
      </c>
      <c r="AO9" s="3">
        <v>0.15591851311088548</v>
      </c>
      <c r="AP9" s="3">
        <v>0.75251926381599465</v>
      </c>
      <c r="AQ9" s="3">
        <v>0.18420738545461923</v>
      </c>
      <c r="AR9" s="3">
        <v>0.5666060588869305</v>
      </c>
      <c r="AS9" s="3">
        <v>8.4580461316286229E-2</v>
      </c>
      <c r="AT9" s="3">
        <v>0.9192188894162141</v>
      </c>
      <c r="AU9" s="3">
        <v>0.21317667652433767</v>
      </c>
      <c r="AV9" s="3">
        <v>44.29416990431541</v>
      </c>
      <c r="AW9" s="3">
        <v>254.81926354666322</v>
      </c>
      <c r="AX9" s="3">
        <v>44.711209143645696</v>
      </c>
      <c r="AY9" s="3">
        <v>5.4486529410117797</v>
      </c>
      <c r="AZ9" s="3" t="s">
        <v>57</v>
      </c>
      <c r="BA9" s="3">
        <v>10.1700553249251</v>
      </c>
      <c r="BB9" s="3">
        <v>88.469030173627758</v>
      </c>
    </row>
    <row r="10" spans="1:54" x14ac:dyDescent="0.2">
      <c r="A10" s="1" t="s">
        <v>58</v>
      </c>
      <c r="B10" s="1" t="s">
        <v>8</v>
      </c>
      <c r="C10" s="2">
        <v>593489</v>
      </c>
      <c r="D10" s="3">
        <v>458.09836284149145</v>
      </c>
      <c r="E10" s="3">
        <v>163.30878298012595</v>
      </c>
      <c r="F10" s="3">
        <v>117.77691441614222</v>
      </c>
      <c r="G10" s="3">
        <v>1265.8992777772678</v>
      </c>
      <c r="H10" s="3">
        <v>76.598580980589631</v>
      </c>
      <c r="I10" s="3" t="s">
        <v>59</v>
      </c>
      <c r="J10" s="3">
        <v>398.24803011181854</v>
      </c>
      <c r="K10" s="3">
        <v>129.13949624634785</v>
      </c>
      <c r="L10" s="3">
        <v>256.91588586763521</v>
      </c>
      <c r="M10" s="3">
        <v>5082.9443790918731</v>
      </c>
      <c r="N10" s="3">
        <v>144.79640395623835</v>
      </c>
      <c r="O10" s="3">
        <v>102.7942039015805</v>
      </c>
      <c r="P10" s="3">
        <v>1139.031733953294</v>
      </c>
      <c r="Q10" s="3" t="s">
        <v>60</v>
      </c>
      <c r="R10" s="3">
        <v>16.638229513461503</v>
      </c>
      <c r="S10" s="3">
        <v>20.265160646317916</v>
      </c>
      <c r="T10" s="3">
        <v>329.81424910635155</v>
      </c>
      <c r="U10" s="3">
        <v>1.7864340293430607</v>
      </c>
      <c r="V10" s="3" t="s">
        <v>61</v>
      </c>
      <c r="W10" s="3" t="s">
        <v>62</v>
      </c>
      <c r="X10" s="3">
        <v>4.2092534487567885</v>
      </c>
      <c r="Y10" s="3">
        <v>1.6189092111772947</v>
      </c>
      <c r="Z10" s="3">
        <v>17.524979988331346</v>
      </c>
      <c r="AA10" s="3">
        <v>637.60940043226606</v>
      </c>
      <c r="AB10" s="3">
        <v>3088.8489609254916</v>
      </c>
      <c r="AC10" s="3">
        <v>18.43472106854168</v>
      </c>
      <c r="AD10" s="3">
        <v>2.0689349420288599</v>
      </c>
      <c r="AE10" s="3">
        <v>508.85274409234756</v>
      </c>
      <c r="AF10" s="3">
        <v>0.49731739526675561</v>
      </c>
      <c r="AG10" s="3">
        <v>19.836589751303251</v>
      </c>
      <c r="AH10" s="3">
        <v>34.336585836004858</v>
      </c>
      <c r="AI10" s="3">
        <v>72.274878583962959</v>
      </c>
      <c r="AJ10" s="3">
        <v>9.4242521911734229</v>
      </c>
      <c r="AK10" s="3">
        <v>40.46791734152815</v>
      </c>
      <c r="AL10" s="3">
        <v>11.121946965324364</v>
      </c>
      <c r="AM10" s="3">
        <v>0.86112165209320923</v>
      </c>
      <c r="AN10" s="3">
        <v>9.7725766025619336</v>
      </c>
      <c r="AO10" s="3">
        <v>1.0713299321898386</v>
      </c>
      <c r="AP10" s="3">
        <v>5.9659231242938038</v>
      </c>
      <c r="AQ10" s="3">
        <v>1.0945388145163615</v>
      </c>
      <c r="AR10" s="3">
        <v>2.7246162797978735</v>
      </c>
      <c r="AS10" s="3">
        <v>0.50283918446327225</v>
      </c>
      <c r="AT10" s="3">
        <v>2.7778066195075195</v>
      </c>
      <c r="AU10" s="3">
        <v>0.39441724388568439</v>
      </c>
      <c r="AV10" s="3">
        <v>49.558870026855438</v>
      </c>
      <c r="AW10" s="3">
        <v>186.89030575679635</v>
      </c>
      <c r="AX10" s="3">
        <v>67.913963769316467</v>
      </c>
      <c r="AY10" s="3">
        <v>12.736972815824503</v>
      </c>
      <c r="AZ10" s="3" t="s">
        <v>63</v>
      </c>
      <c r="BA10" s="3">
        <v>42.559511657901282</v>
      </c>
      <c r="BB10" s="3">
        <v>124.47664762104465</v>
      </c>
    </row>
    <row r="11" spans="1:54" x14ac:dyDescent="0.2">
      <c r="A11" s="1" t="s">
        <v>64</v>
      </c>
      <c r="B11" s="1" t="s">
        <v>9</v>
      </c>
      <c r="C11" s="2">
        <v>593489</v>
      </c>
      <c r="D11" s="3">
        <v>132.20576680219077</v>
      </c>
      <c r="E11" s="3">
        <v>105.59846977888947</v>
      </c>
      <c r="F11" s="3">
        <v>135.73892402979786</v>
      </c>
      <c r="G11" s="3">
        <v>831.0109046772601</v>
      </c>
      <c r="H11" s="3">
        <v>79.554060288205946</v>
      </c>
      <c r="I11" s="3">
        <v>2146.4375009862142</v>
      </c>
      <c r="J11" s="3">
        <v>88.916670721742278</v>
      </c>
      <c r="K11" s="3">
        <v>594.75771198251209</v>
      </c>
      <c r="L11" s="3">
        <v>108.04764894016446</v>
      </c>
      <c r="M11" s="3">
        <v>2307.7368792844763</v>
      </c>
      <c r="N11" s="3">
        <v>129.35900893655091</v>
      </c>
      <c r="O11" s="3">
        <v>18.07281045544304</v>
      </c>
      <c r="P11" s="3">
        <v>1144.3185984453839</v>
      </c>
      <c r="Q11" s="3" t="s">
        <v>65</v>
      </c>
      <c r="R11" s="3">
        <v>27.934810647332505</v>
      </c>
      <c r="S11" s="3">
        <v>11.834509310283083</v>
      </c>
      <c r="T11" s="3">
        <v>76.852786657869359</v>
      </c>
      <c r="U11" s="3">
        <v>0.45038498784739428</v>
      </c>
      <c r="V11" s="3" t="s">
        <v>15</v>
      </c>
      <c r="W11" s="3">
        <v>3.6660389387060919</v>
      </c>
      <c r="X11" s="3">
        <v>0.76560132201960485</v>
      </c>
      <c r="Y11" s="3">
        <v>3.2433597174870541</v>
      </c>
      <c r="Z11" s="3">
        <v>7.9480618105100032</v>
      </c>
      <c r="AA11" s="3">
        <v>737.99597996533441</v>
      </c>
      <c r="AB11" s="3">
        <v>3243.5126711327148</v>
      </c>
      <c r="AC11" s="3">
        <v>44.316365560811022</v>
      </c>
      <c r="AD11" s="3">
        <v>0.98461325526744992</v>
      </c>
      <c r="AE11" s="3">
        <v>247.81893771761352</v>
      </c>
      <c r="AF11" s="3">
        <v>1.928648397402752</v>
      </c>
      <c r="AG11" s="3">
        <v>5.4769015709557411</v>
      </c>
      <c r="AH11" s="3">
        <v>8.9016821793998009</v>
      </c>
      <c r="AI11" s="3">
        <v>17.83261688951843</v>
      </c>
      <c r="AJ11" s="3">
        <v>2.440296226614441</v>
      </c>
      <c r="AK11" s="3">
        <v>11.214777908351428</v>
      </c>
      <c r="AL11" s="3">
        <v>3.7642509845640277</v>
      </c>
      <c r="AM11" s="3">
        <v>0.25995069665460996</v>
      </c>
      <c r="AN11" s="3">
        <v>3.0526792105262057</v>
      </c>
      <c r="AO11" s="3">
        <v>0.34191333221481501</v>
      </c>
      <c r="AP11" s="3">
        <v>2.1138607832071403</v>
      </c>
      <c r="AQ11" s="3">
        <v>0.40266207011809002</v>
      </c>
      <c r="AR11" s="3">
        <v>0.76431571244589969</v>
      </c>
      <c r="AS11" s="3">
        <v>0.13349175198280649</v>
      </c>
      <c r="AT11" s="3">
        <v>1.2982709416156302</v>
      </c>
      <c r="AU11" s="3">
        <v>0.19110226884710821</v>
      </c>
      <c r="AV11" s="3">
        <v>39.761530569121227</v>
      </c>
      <c r="AW11" s="3">
        <v>180.80925460472943</v>
      </c>
      <c r="AX11" s="3">
        <v>73.6317249668908</v>
      </c>
      <c r="AY11" s="3">
        <v>4.7707838848415092</v>
      </c>
      <c r="AZ11" s="3">
        <v>0.10734759886827565</v>
      </c>
      <c r="BA11" s="3">
        <v>8.1576580891886454</v>
      </c>
      <c r="BB11" s="3">
        <v>108.53201839429855</v>
      </c>
    </row>
    <row r="12" spans="1:54" x14ac:dyDescent="0.2">
      <c r="A12" s="1" t="s">
        <v>66</v>
      </c>
      <c r="B12" s="1" t="s">
        <v>10</v>
      </c>
      <c r="C12" s="2">
        <v>593489</v>
      </c>
      <c r="D12" s="3">
        <v>135.54481262681989</v>
      </c>
      <c r="E12" s="3">
        <v>101.54047644624214</v>
      </c>
      <c r="F12" s="3">
        <v>49.124629354889635</v>
      </c>
      <c r="G12" s="3">
        <v>981.22320650017991</v>
      </c>
      <c r="H12" s="3">
        <v>60.178842801963356</v>
      </c>
      <c r="I12" s="3">
        <v>1451.1675429723923</v>
      </c>
      <c r="J12" s="3">
        <v>90.74714581429653</v>
      </c>
      <c r="K12" s="3" t="s">
        <v>67</v>
      </c>
      <c r="L12" s="3">
        <v>145.82597770687045</v>
      </c>
      <c r="M12" s="3">
        <v>4986.8975486388272</v>
      </c>
      <c r="N12" s="3">
        <v>134.80703360052053</v>
      </c>
      <c r="O12" s="3">
        <v>17.579478777416249</v>
      </c>
      <c r="P12" s="3">
        <v>797.19520098124326</v>
      </c>
      <c r="Q12" s="3" t="s">
        <v>68</v>
      </c>
      <c r="R12" s="3">
        <v>21.183626138823996</v>
      </c>
      <c r="S12" s="3">
        <v>13.164523397103432</v>
      </c>
      <c r="T12" s="3">
        <v>53.175721133880948</v>
      </c>
      <c r="U12" s="3">
        <v>0.33193020121297534</v>
      </c>
      <c r="V12" s="3" t="s">
        <v>69</v>
      </c>
      <c r="W12" s="3">
        <v>2.8929536112879921</v>
      </c>
      <c r="X12" s="3">
        <v>0.69398672375816939</v>
      </c>
      <c r="Y12" s="3">
        <v>1.1087786003596591</v>
      </c>
      <c r="Z12" s="3">
        <v>3.3759964103034048</v>
      </c>
      <c r="AA12" s="3">
        <v>534.61855569138095</v>
      </c>
      <c r="AB12" s="3">
        <v>4094.4843401599301</v>
      </c>
      <c r="AC12" s="3">
        <v>10.392252469992421</v>
      </c>
      <c r="AD12" s="3">
        <v>1.6845585632403437</v>
      </c>
      <c r="AE12" s="3">
        <v>422.18010386272783</v>
      </c>
      <c r="AF12" s="3">
        <v>2.1668914163751234</v>
      </c>
      <c r="AG12" s="3">
        <v>6.0263500595355008</v>
      </c>
      <c r="AH12" s="3">
        <v>4.4971442886700608</v>
      </c>
      <c r="AI12" s="3">
        <v>8.9667121331168254</v>
      </c>
      <c r="AJ12" s="3">
        <v>1.1669166615085329</v>
      </c>
      <c r="AK12" s="3">
        <v>4.2945721236585666</v>
      </c>
      <c r="AL12" s="3">
        <v>0.72228230524882031</v>
      </c>
      <c r="AM12" s="3">
        <v>0.13093641471509149</v>
      </c>
      <c r="AN12" s="3">
        <v>0.98000845418591653</v>
      </c>
      <c r="AO12" s="3">
        <v>0.12793831564299715</v>
      </c>
      <c r="AP12" s="3">
        <v>0.93568411539133511</v>
      </c>
      <c r="AQ12" s="3">
        <v>0.19835814020643786</v>
      </c>
      <c r="AR12" s="3">
        <v>0.60925158010920155</v>
      </c>
      <c r="AS12" s="3">
        <v>9.4131736707080915E-2</v>
      </c>
      <c r="AT12" s="3">
        <v>0.98462738542514672</v>
      </c>
      <c r="AU12" s="3">
        <v>0.14344199352215728</v>
      </c>
      <c r="AV12" s="3">
        <v>35.672142484663937</v>
      </c>
      <c r="AW12" s="3">
        <v>242.91311227901772</v>
      </c>
      <c r="AX12" s="3">
        <v>109.42312838508225</v>
      </c>
      <c r="AY12" s="3">
        <v>2.8775763304496915</v>
      </c>
      <c r="AZ12" s="3">
        <v>0.13217752204752725</v>
      </c>
      <c r="BA12" s="3">
        <v>7.1867308206559679</v>
      </c>
      <c r="BB12" s="3">
        <v>114.43267793768885</v>
      </c>
    </row>
    <row r="13" spans="1:54" x14ac:dyDescent="0.2">
      <c r="A13" s="1" t="s">
        <v>70</v>
      </c>
      <c r="B13" s="1" t="s">
        <v>11</v>
      </c>
      <c r="C13" s="2">
        <v>593489</v>
      </c>
      <c r="D13" s="3">
        <v>278.18627655962456</v>
      </c>
      <c r="E13" s="3">
        <v>107.79691503368666</v>
      </c>
      <c r="F13" s="3">
        <v>395.92379116753648</v>
      </c>
      <c r="G13" s="3">
        <v>2317.9207996261866</v>
      </c>
      <c r="H13" s="3">
        <v>67.178824893811836</v>
      </c>
      <c r="I13" s="3" t="s">
        <v>71</v>
      </c>
      <c r="J13" s="3">
        <v>82.410253342301345</v>
      </c>
      <c r="K13" s="3">
        <v>55.031030656364884</v>
      </c>
      <c r="L13" s="3">
        <v>161.01245186786952</v>
      </c>
      <c r="M13" s="3">
        <v>5042.4846177730024</v>
      </c>
      <c r="N13" s="3">
        <v>126.57933750407915</v>
      </c>
      <c r="O13" s="3">
        <v>10.4095797651108</v>
      </c>
      <c r="P13" s="3">
        <v>884.78546513189804</v>
      </c>
      <c r="Q13" s="3" t="s">
        <v>72</v>
      </c>
      <c r="R13" s="3">
        <v>18.912338336791294</v>
      </c>
      <c r="S13" s="3">
        <v>9.2648623737829396</v>
      </c>
      <c r="T13" s="3">
        <v>37.91305976005431</v>
      </c>
      <c r="U13" s="3">
        <v>0.6921543426030462</v>
      </c>
      <c r="V13" s="3" t="s">
        <v>73</v>
      </c>
      <c r="W13" s="3">
        <v>2.0484339289464231</v>
      </c>
      <c r="X13" s="3" t="s">
        <v>74</v>
      </c>
      <c r="Y13" s="3">
        <v>2.2301465496797697</v>
      </c>
      <c r="Z13" s="3">
        <v>3.0537275513418156</v>
      </c>
      <c r="AA13" s="3">
        <v>867.7767547276884</v>
      </c>
      <c r="AB13" s="3">
        <v>4325.8318537870337</v>
      </c>
      <c r="AC13" s="3">
        <v>18.142067635969369</v>
      </c>
      <c r="AD13" s="3">
        <v>1.3640966171441307</v>
      </c>
      <c r="AE13" s="3">
        <v>339.06428849553146</v>
      </c>
      <c r="AF13" s="3">
        <v>3.392871548531224</v>
      </c>
      <c r="AG13" s="3">
        <v>2.4746273754039487</v>
      </c>
      <c r="AH13" s="3">
        <v>6.8610572440295199</v>
      </c>
      <c r="AI13" s="3">
        <v>11.994941982529809</v>
      </c>
      <c r="AJ13" s="3">
        <v>1.3387236725148424</v>
      </c>
      <c r="AK13" s="3">
        <v>5.5270803447409147</v>
      </c>
      <c r="AL13" s="3">
        <v>1.1645611309990545</v>
      </c>
      <c r="AM13" s="3">
        <v>0.10647955931999452</v>
      </c>
      <c r="AN13" s="3">
        <v>0.79511275267965287</v>
      </c>
      <c r="AO13" s="3">
        <v>0.15940091374747548</v>
      </c>
      <c r="AP13" s="3">
        <v>1.1200915499677593</v>
      </c>
      <c r="AQ13" s="3">
        <v>0.26623791372924088</v>
      </c>
      <c r="AR13" s="3">
        <v>0.75611546829781029</v>
      </c>
      <c r="AS13" s="3">
        <v>0.14589826878394513</v>
      </c>
      <c r="AT13" s="3">
        <v>0.59575879505141205</v>
      </c>
      <c r="AU13" s="3">
        <v>9.9149096568469486E-2</v>
      </c>
      <c r="AV13" s="3">
        <v>55.49063274603801</v>
      </c>
      <c r="AW13" s="3">
        <v>369.00836977383671</v>
      </c>
      <c r="AX13" s="3">
        <v>103.32090449294422</v>
      </c>
      <c r="AY13" s="3">
        <v>21.831178824179986</v>
      </c>
      <c r="AZ13" s="3" t="s">
        <v>75</v>
      </c>
      <c r="BA13" s="3">
        <v>4.8371964601242006</v>
      </c>
      <c r="BB13" s="3">
        <v>86.387156324361996</v>
      </c>
    </row>
    <row r="14" spans="1:54" x14ac:dyDescent="0.2">
      <c r="A14" s="1" t="s">
        <v>76</v>
      </c>
      <c r="B14" s="1" t="s">
        <v>12</v>
      </c>
      <c r="C14" s="2">
        <v>593489</v>
      </c>
      <c r="D14" s="3">
        <v>477.33539304504177</v>
      </c>
      <c r="E14" s="3">
        <v>321.4014736907352</v>
      </c>
      <c r="F14" s="3">
        <v>403.60652945749916</v>
      </c>
      <c r="G14" s="3">
        <v>1549.3402081367642</v>
      </c>
      <c r="H14" s="3">
        <v>61.908624712338955</v>
      </c>
      <c r="I14" s="3" t="s">
        <v>77</v>
      </c>
      <c r="J14" s="3">
        <v>399.72086373971121</v>
      </c>
      <c r="K14" s="3">
        <v>149.16999695242743</v>
      </c>
      <c r="L14" s="3">
        <v>109.43165051959686</v>
      </c>
      <c r="M14" s="3">
        <v>4240.3551909772868</v>
      </c>
      <c r="N14" s="3">
        <v>157.79039449294524</v>
      </c>
      <c r="O14" s="3">
        <v>47.338881510232937</v>
      </c>
      <c r="P14" s="3">
        <v>298.30324352224454</v>
      </c>
      <c r="Q14" s="3">
        <v>0.12482578353134217</v>
      </c>
      <c r="R14" s="3">
        <v>29.480693827653802</v>
      </c>
      <c r="S14" s="3">
        <v>21.94704670601396</v>
      </c>
      <c r="T14" s="3">
        <v>199.88833358173514</v>
      </c>
      <c r="U14" s="3">
        <v>0.71791040279353813</v>
      </c>
      <c r="V14" s="3" t="s">
        <v>78</v>
      </c>
      <c r="W14" s="3">
        <v>4.6878280090508246</v>
      </c>
      <c r="X14" s="3">
        <v>3.4703440988176038</v>
      </c>
      <c r="Y14" s="3">
        <v>2.5712704633076844</v>
      </c>
      <c r="Z14" s="3">
        <v>6.118683118595353</v>
      </c>
      <c r="AA14" s="3">
        <v>601.34778545662948</v>
      </c>
      <c r="AB14" s="3">
        <v>3948.440711268493</v>
      </c>
      <c r="AC14" s="3">
        <v>31.413953639762525</v>
      </c>
      <c r="AD14" s="3">
        <v>0.96080573736216079</v>
      </c>
      <c r="AE14" s="3">
        <v>280.52161424213995</v>
      </c>
      <c r="AF14" s="3">
        <v>2.0279176573920679</v>
      </c>
      <c r="AG14" s="3">
        <v>15.95856396757549</v>
      </c>
      <c r="AH14" s="3">
        <v>14.586441728389204</v>
      </c>
      <c r="AI14" s="3">
        <v>32.048205122532835</v>
      </c>
      <c r="AJ14" s="3">
        <v>3.6523534101747837</v>
      </c>
      <c r="AK14" s="3">
        <v>15.073440377657146</v>
      </c>
      <c r="AL14" s="3">
        <v>3.0590564203424702</v>
      </c>
      <c r="AM14" s="3">
        <v>0.24894435870906928</v>
      </c>
      <c r="AN14" s="3">
        <v>2.0476906938110213</v>
      </c>
      <c r="AO14" s="3">
        <v>0.35432890472044221</v>
      </c>
      <c r="AP14" s="3">
        <v>1.6919269684874834</v>
      </c>
      <c r="AQ14" s="3">
        <v>0.30659854650146129</v>
      </c>
      <c r="AR14" s="3">
        <v>1.0000874217301072</v>
      </c>
      <c r="AS14" s="3">
        <v>0.13116670868612704</v>
      </c>
      <c r="AT14" s="3">
        <v>1.1947539160809739</v>
      </c>
      <c r="AU14" s="3">
        <v>0.16952428093976074</v>
      </c>
      <c r="AV14" s="3">
        <v>36.701185911472962</v>
      </c>
      <c r="AW14" s="3">
        <v>289.39431286405801</v>
      </c>
      <c r="AX14" s="3">
        <v>80.878059844165151</v>
      </c>
      <c r="AY14" s="3">
        <v>8.3722915009240779</v>
      </c>
      <c r="AZ14" s="3">
        <v>0.16434710244776951</v>
      </c>
      <c r="BA14" s="3">
        <v>14.083417815999981</v>
      </c>
      <c r="BB14" s="3">
        <v>80.286940271259454</v>
      </c>
    </row>
    <row r="15" spans="1:54" x14ac:dyDescent="0.2">
      <c r="C15" s="2"/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Filtered</vt:lpstr>
    </vt:vector>
  </TitlesOfParts>
  <Company>Hewlett-Packard Compa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evin</dc:creator>
  <cp:lastModifiedBy>Kevin Neyedley</cp:lastModifiedBy>
  <cp:lastPrinted>2017-09-06T16:14:11Z</cp:lastPrinted>
  <dcterms:created xsi:type="dcterms:W3CDTF">2017-09-06T13:15:54Z</dcterms:created>
  <dcterms:modified xsi:type="dcterms:W3CDTF">2020-05-25T13:19:18Z</dcterms:modified>
</cp:coreProperties>
</file>